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72" y="201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5-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5-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aagbraa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DD691869-C052-151E-3779-89D6285623F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5" y="5001085"/>
            <a:ext cx="2375376" cy="166276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F1DF189C-4264-3AE3-2785-CDDCF333A74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113497"/>
            <a:ext cx="1709283" cy="119649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9-05T13:05:27Z</dcterms:modified>
</cp:coreProperties>
</file>